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0"/>
  </p:notesMasterIdLst>
  <p:sldIdLst>
    <p:sldId id="343" r:id="rId2"/>
    <p:sldId id="348" r:id="rId3"/>
    <p:sldId id="352" r:id="rId4"/>
    <p:sldId id="354" r:id="rId5"/>
    <p:sldId id="355" r:id="rId6"/>
    <p:sldId id="353" r:id="rId7"/>
    <p:sldId id="356" r:id="rId8"/>
    <p:sldId id="351" r:id="rId9"/>
  </p:sldIdLst>
  <p:sldSz cx="12192000" cy="6858000"/>
  <p:notesSz cx="6858000" cy="9144000"/>
  <p:custDataLst>
    <p:tags r:id="rId11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166884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6509788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9932305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36865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62008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2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2.png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6" Type="http://schemas.openxmlformats.org/officeDocument/2006/relationships/hyperlink" Target="javascript:window.open('/next_lesson/17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8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114406" y="1911926"/>
            <a:ext cx="7636646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arriers to Reporting</a:t>
            </a:r>
            <a:endParaRPr lang="ru-RU" sz="5400" dirty="0">
              <a:solidFill>
                <a:srgbClr val="151824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293150" y="3214603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What can stop them from reporting?</a:t>
            </a:r>
          </a:p>
        </p:txBody>
      </p:sp>
      <p:pic>
        <p:nvPicPr>
          <p:cNvPr id="5" name="Picture 4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05887" y="632252"/>
            <a:ext cx="3256461" cy="99508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425423" y="1903751"/>
            <a:ext cx="7159600" cy="4287186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ere are several barriers to reporting, some that to the beneficiaries like: </a:t>
            </a:r>
            <a:endParaRPr lang="en-US" sz="2400" dirty="0" smtClean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tigma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hame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ear of retaliation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Fear of losing assistance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ot knowing how to report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Lack of trust in reporting mechanisms, etc.</a:t>
            </a:r>
          </a:p>
          <a:p>
            <a:pPr algn="ctr"/>
            <a:endParaRPr lang="en-US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05887" y="632252"/>
            <a:ext cx="3256461" cy="99508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530354" y="2248525"/>
            <a:ext cx="6305161" cy="1918740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us, as aid workers we should always create a safe space for beneficiaries for them to be able to open up when they face any difficulty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05887" y="632252"/>
            <a:ext cx="3256461" cy="99508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734867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251940" y="1890634"/>
            <a:ext cx="7114629" cy="3076731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But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ere are some others that apply to aid workers too. When we talk about SEA, we are talking about a misconduct done by a any humanitarian worker.</a:t>
            </a:r>
          </a:p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So if you learn about a misconduct done by a colleague you still need to report to protect the victim and the organization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05887" y="632252"/>
            <a:ext cx="3256461" cy="99508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089329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530356" y="2668249"/>
            <a:ext cx="6754864" cy="1214204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lways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refrain from talking to the perpetrator about it, this might increase the risks</a:t>
            </a:r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.</a:t>
            </a:r>
            <a:endParaRPr lang="en-US" sz="2400" dirty="0">
              <a:solidFill>
                <a:schemeClr val="tx1"/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05887" y="632252"/>
            <a:ext cx="3256461" cy="99508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004359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249836" y="2304738"/>
            <a:ext cx="7215265" cy="2027420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Lastly, it is important to know that even if the beneficiary is the one who approached the aid worker or he/she approved of the sexual act, it is still considered SEA, 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05887" y="632252"/>
            <a:ext cx="3256461" cy="99508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506270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196271" y="2334718"/>
            <a:ext cx="7679963" cy="1708878"/>
          </a:xfrm>
          <a:prstGeom prst="roundRect">
            <a:avLst/>
          </a:prstGeom>
          <a:solidFill>
            <a:schemeClr val="bg1"/>
          </a:solidFill>
          <a:ln w="38100"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nd </a:t>
            </a:r>
            <a:r>
              <a:rPr lang="en-US" sz="2400" dirty="0"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the perpetrator is the aid worker. He is the one with power, he had to refuse and inform the organization about it. 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05887" y="632252"/>
            <a:ext cx="3256461" cy="99508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097056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Arrow: Pentagon 2">
            <a:hlinkClick r:id="rId6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noFill/>
                  <a:prstDash val="solid"/>
                </a:ln>
                <a:solidFill>
                  <a:schemeClr val="tx1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ext Lesson</a:t>
            </a: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05887" y="632252"/>
            <a:ext cx="3256461" cy="99508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_SCORM_PASSING_SCORE" val="0.000000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LTRA_SCORM_COURCE_TITLE" val="barriers_reporting"/>
  <p:tag name="ISPRING_PRESENTATION_TITLE" val="barriers_reporting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REEN_RECS_UPDATED" val="C:\Users\hp\Desktop\Projects\Nabad\Nabad\psea\en\lessons\barriers_reporting"/>
  <p:tag name="ISPRING_RESOURCE_FOLDER" val="C:\Users\hp\Desktop\Projects\Nabad\Nabad\psea\en\lessons\barriers_reporting"/>
  <p:tag name="ISPRING_PRESENTATION_PATH" val="C:\Users\hp\Desktop\Projects\Nabad\Nabad\psea\en\lessons\barriers_reporting.pptx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655038A6-A3CD-4214-A16F-75D2DE3BAC5E}:355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B17C7B38-7B4B-428D-88D9-516E0C56CFC1}:35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B7B7AD9B-FD62-41D7-AB8F-EB32742EE918}:356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BE349A08-CF9B-45FE-921C-26EEFC844E35}:35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GENSWF_SLIDE_UID" val="{6CAABCA2-9629-450B-9001-6AB2913B662B}:35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rdOkXcOaTGYpTAxKb_FKUA&quot;,&quot;gi&quot;:&quot;F4oRbJN6d9OAc-GqBTKO6A&quot;,&quot;ti&quot;:&quot;characters&quot;,&quot;vs&quot;:{&quot;f&quot;:[3912,708],&quot;i&quot;:{&quot;d&quot;:&quot;rdOkXcOaTGYpTAxKb_FKUA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499</TotalTime>
  <Words>193</Words>
  <Application>Microsoft Office PowerPoint</Application>
  <PresentationFormat>Widescreen</PresentationFormat>
  <Paragraphs>25</Paragraphs>
  <Slides>8</Slides>
  <Notes>8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8</vt:i4>
      </vt:variant>
    </vt:vector>
  </HeadingPairs>
  <TitlesOfParts>
    <vt:vector size="13" baseType="lpstr">
      <vt:lpstr>Arial</vt:lpstr>
      <vt:lpstr>Calibri</vt:lpstr>
      <vt:lpstr>Open Sans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rriers_reporting</dc:title>
  <dc:creator>pc</dc:creator>
  <cp:lastModifiedBy>Maher</cp:lastModifiedBy>
  <cp:revision>779</cp:revision>
  <dcterms:created xsi:type="dcterms:W3CDTF">2022-11-16T16:05:09Z</dcterms:created>
  <dcterms:modified xsi:type="dcterms:W3CDTF">2024-09-23T12:45:57Z</dcterms:modified>
</cp:coreProperties>
</file>